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kfs01\s2101\調達課\group\005調達第二\平成31年度\13_随意契約による物品購入状況の公表\02_公表作業\31_3Q\03_エクセル\02 貼付用\"/>
    </mc:Choice>
  </mc:AlternateContent>
  <bookViews>
    <workbookView xWindow="0" yWindow="0" windowWidth="19200" windowHeight="7310"/>
  </bookViews>
  <sheets>
    <sheet name="公表用" sheetId="7" r:id="rId1"/>
  </sheets>
  <definedNames>
    <definedName name="_xlnm._FilterDatabase" localSheetId="0" hidden="1">公表用!$A$1:$I$46</definedName>
    <definedName name="_xlnm.Print_Area" localSheetId="0">公表用!$A$1:$I$46</definedName>
    <definedName name="_xlnm.Print_Titles" localSheetId="0">公表用!$1:$1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279" uniqueCount="163">
  <si>
    <t>年度</t>
    <rPh sb="0" eb="2">
      <t>ネンド</t>
    </rPh>
    <phoneticPr fontId="4"/>
  </si>
  <si>
    <t>所属名</t>
    <rPh sb="0" eb="2">
      <t>ショゾク</t>
    </rPh>
    <rPh sb="2" eb="3">
      <t>メイ</t>
    </rPh>
    <phoneticPr fontId="4"/>
  </si>
  <si>
    <t>支出負担
行為番号</t>
    <rPh sb="0" eb="2">
      <t>シシュツ</t>
    </rPh>
    <rPh sb="2" eb="4">
      <t>フタン</t>
    </rPh>
    <rPh sb="5" eb="7">
      <t>コウイ</t>
    </rPh>
    <rPh sb="7" eb="9">
      <t>バンゴウ</t>
    </rPh>
    <phoneticPr fontId="4"/>
  </si>
  <si>
    <t>件名</t>
    <rPh sb="0" eb="2">
      <t>ケンメイ</t>
    </rPh>
    <phoneticPr fontId="4"/>
  </si>
  <si>
    <t>契約金額</t>
    <rPh sb="0" eb="2">
      <t>ケイヤク</t>
    </rPh>
    <rPh sb="2" eb="4">
      <t>キンガク</t>
    </rPh>
    <phoneticPr fontId="4"/>
  </si>
  <si>
    <t>契約相手方</t>
    <rPh sb="0" eb="2">
      <t>ケイヤク</t>
    </rPh>
    <rPh sb="2" eb="4">
      <t>アイテ</t>
    </rPh>
    <rPh sb="4" eb="5">
      <t>カタ</t>
    </rPh>
    <phoneticPr fontId="4"/>
  </si>
  <si>
    <t>法人番号</t>
  </si>
  <si>
    <t>決裁日</t>
    <rPh sb="0" eb="2">
      <t>ケッサイ</t>
    </rPh>
    <rPh sb="2" eb="3">
      <t>ビ</t>
    </rPh>
    <phoneticPr fontId="4"/>
  </si>
  <si>
    <t>国際文化観光局</t>
  </si>
  <si>
    <t>文化課</t>
  </si>
  <si>
    <t>381438</t>
  </si>
  <si>
    <t>演劇資料室配架用雑誌購入（令和元年10月～12月発行分）（文化課　紅葉ケ丘駐在）</t>
  </si>
  <si>
    <t>（株）トシダ　代表取締役　土志田　仁</t>
  </si>
  <si>
    <t>5020001015536</t>
  </si>
  <si>
    <t>467312</t>
  </si>
  <si>
    <t>カラープリンタ用インクカートリッジの購入代</t>
  </si>
  <si>
    <t>（株）有隣堂　代表取締役　松信　裕</t>
  </si>
  <si>
    <t>2020001029308</t>
  </si>
  <si>
    <t>542434</t>
  </si>
  <si>
    <t>チェーンスタンド等の購入費</t>
  </si>
  <si>
    <t>株式会社山下商店　代表取締役　山下　孝</t>
  </si>
  <si>
    <t>1020001013915</t>
  </si>
  <si>
    <t>国際課</t>
  </si>
  <si>
    <t>379805</t>
  </si>
  <si>
    <t>ベトナムとの友好関係強化事業に係る記念品（漆器）の購入（国際課）</t>
  </si>
  <si>
    <t>輪島漆器販売（株）　代表取締役　田代　洋子</t>
  </si>
  <si>
    <t>8010001061116</t>
  </si>
  <si>
    <t>392600</t>
  </si>
  <si>
    <t>記念品（寄木細工）の購入（国際課）</t>
  </si>
  <si>
    <t>（有）箱根丸山物産　代表取締役　丸山　一郎</t>
  </si>
  <si>
    <t>1021002050724</t>
  </si>
  <si>
    <t>394045</t>
  </si>
  <si>
    <t>卓上旗（エストニア国旗）の購入（国際課）</t>
  </si>
  <si>
    <t>（株）根岸の旗や　代表取締役　本井　哲夫</t>
  </si>
  <si>
    <t>5020001028257</t>
  </si>
  <si>
    <t>422055</t>
  </si>
  <si>
    <t>「多言語支援センターかながわ」電話機購入及び電話配線・設置工事（国際課）</t>
  </si>
  <si>
    <t>ＮＥＣネッツエスアイ（株）神奈川支店　支店長　渡辺　寛</t>
  </si>
  <si>
    <t>6010001135680</t>
  </si>
  <si>
    <t>422357</t>
  </si>
  <si>
    <t>ベトナムとの友好関係強化事業に係る記念品（パネル時計・波）の購入（国際課）</t>
  </si>
  <si>
    <t>423882</t>
  </si>
  <si>
    <t>ベトナムとの友好関係強化事業に係る記念品（漆ボールペン、友禅千代紙セット）の購入（国際課）</t>
  </si>
  <si>
    <t>（株）久宝堂　代表取締役社長　又吉　康夫</t>
  </si>
  <si>
    <t>7120001077928</t>
  </si>
  <si>
    <t>424886</t>
  </si>
  <si>
    <t>ベトナムとの友好関係強化事業に係る記念品（七宝飾皿）の購入（国際課）</t>
  </si>
  <si>
    <t>（株）彩光舎　代表取締役　平林　仁</t>
  </si>
  <si>
    <t>8021001045850</t>
  </si>
  <si>
    <t>427747</t>
  </si>
  <si>
    <t>ベトナムとの友好関係強化事業に係る記念品（箱根寄木細工）の購入（国際課）</t>
  </si>
  <si>
    <t>487539</t>
  </si>
  <si>
    <t>「多言語支援センターかながわ」におけるポケトークの購入代</t>
  </si>
  <si>
    <t>488993</t>
  </si>
  <si>
    <t>ＥＵ各国大使神奈川視察ツアーにおける県主催昼食会代</t>
  </si>
  <si>
    <t>（株）横浜グランドインターコンチネンタルホテル　総支配人　本城　明</t>
  </si>
  <si>
    <t>1020001016001</t>
  </si>
  <si>
    <t>553401</t>
  </si>
  <si>
    <t>グリーティングカードの購入代</t>
  </si>
  <si>
    <t>楽文堂オフィスシステム（有）　取締役　赤塚　宏</t>
  </si>
  <si>
    <t>7020002058012</t>
  </si>
  <si>
    <t>総務室</t>
  </si>
  <si>
    <t>366740</t>
  </si>
  <si>
    <t>インクジェット複合機ほか（総務室）</t>
  </si>
  <si>
    <t>380356</t>
  </si>
  <si>
    <t>額縁の購入（総務室）</t>
  </si>
  <si>
    <t>385929</t>
  </si>
  <si>
    <t>焼き菓子の購入（総務室）</t>
  </si>
  <si>
    <t>（福）ル・プリ　横浜光センター　施設長　森　久美子</t>
  </si>
  <si>
    <t>1020005002162</t>
  </si>
  <si>
    <t>398449</t>
  </si>
  <si>
    <t>複写機用再生紙代（９月分）</t>
  </si>
  <si>
    <t>桔梗屋紙商事（株）　代表取締役　早瀬　照洋</t>
  </si>
  <si>
    <t>5020001128924</t>
  </si>
  <si>
    <t>458191</t>
  </si>
  <si>
    <t>複写機用再生紙代（10月分）</t>
  </si>
  <si>
    <t>481811</t>
  </si>
  <si>
    <t>ゴム印の購入代</t>
  </si>
  <si>
    <t>（株）実門堂　代表取締役　大熊　信良</t>
  </si>
  <si>
    <t>1020001026859</t>
  </si>
  <si>
    <t>485309</t>
  </si>
  <si>
    <t>デジタルスケールほかの購入費</t>
  </si>
  <si>
    <t>（有）伊勢万　代表取締役　鈴木　伸好</t>
  </si>
  <si>
    <t>2021002050979</t>
  </si>
  <si>
    <t>546091</t>
  </si>
  <si>
    <t>複写機用再生紙代（11月分）</t>
  </si>
  <si>
    <t>国際言語文化アカデミア</t>
  </si>
  <si>
    <t>401338</t>
  </si>
  <si>
    <t>洋書の購入（教育課程研究費）</t>
  </si>
  <si>
    <t>406973</t>
  </si>
  <si>
    <t>和書の購入（教育課程研究費）</t>
  </si>
  <si>
    <t>443475</t>
  </si>
  <si>
    <t>図書（洋書）購入代</t>
  </si>
  <si>
    <t>（株）紀伊國屋書店神奈川静岡営業本部　本部長　山本　真治</t>
  </si>
  <si>
    <t>4011101005131</t>
  </si>
  <si>
    <t>465776</t>
  </si>
  <si>
    <t>消耗品（賞状用紙ほか）購入代</t>
  </si>
  <si>
    <t>473150</t>
  </si>
  <si>
    <t>研修用機材（プロジェクタースクリーン）等購入代</t>
  </si>
  <si>
    <t>511092</t>
  </si>
  <si>
    <t>527561</t>
  </si>
  <si>
    <t>図書（和書）購入代</t>
  </si>
  <si>
    <t>観光企画課</t>
  </si>
  <si>
    <t>502571</t>
  </si>
  <si>
    <t>教育旅行年報「データブック2019」購入代</t>
  </si>
  <si>
    <t>公益財団法人日本修学旅行協会　理事長　竹内　秀一</t>
  </si>
  <si>
    <t>9010005003658</t>
  </si>
  <si>
    <t>528573</t>
  </si>
  <si>
    <t>参考図書の購入代</t>
  </si>
  <si>
    <t>国際観光課</t>
  </si>
  <si>
    <t>375945</t>
  </si>
  <si>
    <t>撥水エプロン等の購入（国際観光課）</t>
  </si>
  <si>
    <t>376128</t>
  </si>
  <si>
    <t>麻紙ボールド等の購入（国際観光課）</t>
  </si>
  <si>
    <t>株式会社喜屋　代表取締役　松下　満</t>
  </si>
  <si>
    <t>8010001008224</t>
  </si>
  <si>
    <t>380015</t>
  </si>
  <si>
    <t>青花ペン等の購入（国際観光課）</t>
  </si>
  <si>
    <t>株式会社世界堂　代表　泉田　皇一</t>
  </si>
  <si>
    <t>7011101011044</t>
  </si>
  <si>
    <t>479453</t>
  </si>
  <si>
    <t>神奈川県観光ボランティア2020ユニフォームの購入代</t>
  </si>
  <si>
    <t>アシックスジャパン株式会社　代表取締役社長　小林　淳二</t>
  </si>
  <si>
    <t>2140001088234</t>
  </si>
  <si>
    <t>493140</t>
  </si>
  <si>
    <t>事務用品消耗品（ラミネートフィルム、その他）の購入代</t>
  </si>
  <si>
    <t>パスポートセンター</t>
  </si>
  <si>
    <t>396307</t>
  </si>
  <si>
    <t>クリアホルダー等の購入代</t>
  </si>
  <si>
    <t>ゴールデン文具（株）　代表取締役　平出　晴久</t>
  </si>
  <si>
    <t>5020001026500</t>
  </si>
  <si>
    <t>428010</t>
  </si>
  <si>
    <t>消耗品代（トナー他）</t>
  </si>
  <si>
    <t>有限会社フォーエス　代表取締役　石川敏彦</t>
  </si>
  <si>
    <t>4012302008451</t>
  </si>
  <si>
    <t>432190</t>
  </si>
  <si>
    <t>消耗品代（ゴム印）</t>
  </si>
  <si>
    <t>株式会社　マルハチ　代表取締役　八木　幹雄</t>
  </si>
  <si>
    <t>4020001018845</t>
  </si>
  <si>
    <t>452099</t>
  </si>
  <si>
    <t>消耗品（Ｘスタンパー等）購入代</t>
  </si>
  <si>
    <t>株式会社トシダ　代表取締役　土志田　仁</t>
  </si>
  <si>
    <t>481015</t>
  </si>
  <si>
    <t>消耗品（カレンダー等）購入代</t>
  </si>
  <si>
    <t/>
  </si>
  <si>
    <t>497240</t>
  </si>
  <si>
    <t>消耗品（乾電池等）購入代</t>
  </si>
  <si>
    <t>株式会社　トミヤ　代表取締役　佐久間　聡</t>
  </si>
  <si>
    <t>5020001035006</t>
  </si>
  <si>
    <t>545041</t>
  </si>
  <si>
    <t>消耗品（無添加食器洗いせっけん）購入代</t>
  </si>
  <si>
    <t>（株）芥川商店　代表取締役　芥川　光正</t>
  </si>
  <si>
    <t>4020001022203</t>
  </si>
  <si>
    <t>562078</t>
  </si>
  <si>
    <t>消耗品（ビニールテープ等）購入代</t>
  </si>
  <si>
    <t>株式会社　染谷商店　代表取締役　広瀬　雅義</t>
  </si>
  <si>
    <t>4020001015231</t>
  </si>
  <si>
    <t>577060</t>
  </si>
  <si>
    <t>書庫購入代</t>
  </si>
  <si>
    <t>（株）ワイソリューション　代表取締役　高橋　伸一</t>
  </si>
  <si>
    <t>5020001045673</t>
  </si>
  <si>
    <t>局名</t>
    <phoneticPr fontId="4"/>
  </si>
  <si>
    <t>パスポートセンター　前渡金受領職員</t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2">
    <numFmt numFmtId="176" formatCode="[$-411]ggge&quot;年度&quot;"/>
    <numFmt numFmtId="177" formatCode="#,##0_ "/>
  </numFmts>
  <fonts count="5" x14ac:knownFonts="1">
    <font>
      <sz val="12"/>
      <color theme="1"/>
      <name val="ＭＳ 明朝"/>
      <family val="2"/>
      <charset val="128"/>
    </font>
    <font>
      <sz val="11"/>
      <name val="ＭＳ Ｐゴシック"/>
      <family val="3"/>
      <charset val="128"/>
    </font>
    <font>
      <sz val="10"/>
      <name val="ＭＳ ゴシック"/>
      <family val="3"/>
      <charset val="128"/>
    </font>
    <font>
      <sz val="6"/>
      <name val="ＭＳ 明朝"/>
      <family val="2"/>
      <charset val="128"/>
    </font>
    <font>
      <sz val="6"/>
      <name val="ＭＳ Ｐゴシック"/>
      <family val="3"/>
      <charset val="128"/>
    </font>
  </fonts>
  <fills count="3">
    <fill>
      <patternFill patternType="none"/>
    </fill>
    <fill>
      <patternFill patternType="gray125"/>
    </fill>
    <fill>
      <patternFill patternType="solid">
        <fgColor indexed="42"/>
        <bgColor indexed="64"/>
      </patternFill>
    </fill>
  </fills>
  <borders count="2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2">
    <xf numFmtId="0" fontId="0" fillId="0" borderId="0">
      <alignment vertical="center"/>
    </xf>
    <xf numFmtId="0" fontId="1" fillId="0" borderId="0">
      <alignment vertical="center"/>
    </xf>
  </cellStyleXfs>
  <cellXfs count="9">
    <xf numFmtId="0" fontId="0" fillId="0" borderId="0" xfId="0">
      <alignment vertical="center"/>
    </xf>
    <xf numFmtId="0" fontId="2" fillId="2" borderId="1" xfId="1" applyFont="1" applyFill="1" applyBorder="1" applyAlignment="1" applyProtection="1">
      <alignment horizontal="center" vertical="center"/>
      <protection locked="0"/>
    </xf>
    <xf numFmtId="0" fontId="2" fillId="2" borderId="1" xfId="1" applyFont="1" applyFill="1" applyBorder="1" applyAlignment="1" applyProtection="1">
      <alignment horizontal="center" vertical="center" wrapText="1"/>
      <protection locked="0"/>
    </xf>
    <xf numFmtId="0" fontId="2" fillId="0" borderId="0" xfId="1" applyFont="1" applyProtection="1">
      <alignment vertical="center"/>
      <protection locked="0"/>
    </xf>
    <xf numFmtId="176" fontId="2" fillId="0" borderId="1" xfId="0" applyNumberFormat="1" applyFont="1" applyFill="1" applyBorder="1" applyAlignment="1" applyProtection="1">
      <alignment horizontal="center" vertical="center" shrinkToFit="1"/>
      <protection locked="0"/>
    </xf>
    <xf numFmtId="49" fontId="2" fillId="0" borderId="1" xfId="0" applyNumberFormat="1" applyFont="1" applyFill="1" applyBorder="1" applyAlignment="1" applyProtection="1">
      <alignment vertical="center" wrapText="1"/>
      <protection locked="0"/>
    </xf>
    <xf numFmtId="49" fontId="2" fillId="0" borderId="1" xfId="0" applyNumberFormat="1" applyFont="1" applyFill="1" applyBorder="1" applyAlignment="1" applyProtection="1">
      <alignment horizontal="center" vertical="center" shrinkToFit="1"/>
      <protection locked="0"/>
    </xf>
    <xf numFmtId="177" fontId="2" fillId="0" borderId="1" xfId="0" applyNumberFormat="1" applyFont="1" applyFill="1" applyBorder="1" applyAlignment="1" applyProtection="1">
      <alignment vertical="center" shrinkToFit="1"/>
      <protection locked="0"/>
    </xf>
    <xf numFmtId="14" fontId="2" fillId="0" borderId="1" xfId="0" applyNumberFormat="1" applyFont="1" applyFill="1" applyBorder="1" applyAlignment="1" applyProtection="1">
      <alignment horizontal="center" vertical="center" shrinkToFit="1"/>
      <protection locked="0"/>
    </xf>
  </cellXfs>
  <cellStyles count="2">
    <cellStyle name="標準" xfId="0" builtinId="0"/>
    <cellStyle name="標準 2" xfId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I46"/>
  <sheetViews>
    <sheetView tabSelected="1" zoomScaleNormal="100" workbookViewId="0">
      <pane ySplit="1" topLeftCell="A2" activePane="bottomLeft" state="frozen"/>
      <selection pane="bottomLeft" activeCell="A2" sqref="A2"/>
    </sheetView>
  </sheetViews>
  <sheetFormatPr defaultColWidth="8.25" defaultRowHeight="12" x14ac:dyDescent="0.2"/>
  <cols>
    <col min="1" max="1" width="9.58203125" style="3" customWidth="1"/>
    <col min="2" max="3" width="14.1640625" style="3" customWidth="1"/>
    <col min="4" max="4" width="8.58203125" style="3" customWidth="1"/>
    <col min="5" max="5" width="38.58203125" style="3" customWidth="1"/>
    <col min="6" max="6" width="16.5" style="3" bestFit="1" customWidth="1"/>
    <col min="7" max="7" width="28.5" style="3" customWidth="1"/>
    <col min="8" max="8" width="10.25" style="3" customWidth="1"/>
    <col min="9" max="9" width="9.75" style="3" customWidth="1"/>
    <col min="10" max="16384" width="8.25" style="3"/>
  </cols>
  <sheetData>
    <row r="1" spans="1:9" ht="27.75" customHeight="1" x14ac:dyDescent="0.2">
      <c r="A1" s="1" t="s">
        <v>0</v>
      </c>
      <c r="B1" s="1" t="s">
        <v>161</v>
      </c>
      <c r="C1" s="1" t="s">
        <v>1</v>
      </c>
      <c r="D1" s="2" t="s">
        <v>2</v>
      </c>
      <c r="E1" s="1" t="s">
        <v>3</v>
      </c>
      <c r="F1" s="1" t="s">
        <v>4</v>
      </c>
      <c r="G1" s="2" t="s">
        <v>5</v>
      </c>
      <c r="H1" s="2" t="s">
        <v>6</v>
      </c>
      <c r="I1" s="1" t="s">
        <v>7</v>
      </c>
    </row>
    <row r="2" spans="1:9" ht="24" x14ac:dyDescent="0.2">
      <c r="A2" s="4">
        <v>43556</v>
      </c>
      <c r="B2" s="5" t="s">
        <v>8</v>
      </c>
      <c r="C2" s="5" t="s">
        <v>9</v>
      </c>
      <c r="D2" s="6" t="s">
        <v>10</v>
      </c>
      <c r="E2" s="5" t="s">
        <v>11</v>
      </c>
      <c r="F2" s="7">
        <v>7480</v>
      </c>
      <c r="G2" s="5" t="s">
        <v>12</v>
      </c>
      <c r="H2" s="6" t="s">
        <v>13</v>
      </c>
      <c r="I2" s="8">
        <v>43748</v>
      </c>
    </row>
    <row r="3" spans="1:9" ht="24" x14ac:dyDescent="0.2">
      <c r="A3" s="4">
        <v>43556</v>
      </c>
      <c r="B3" s="5" t="s">
        <v>8</v>
      </c>
      <c r="C3" s="5" t="s">
        <v>9</v>
      </c>
      <c r="D3" s="6" t="s">
        <v>14</v>
      </c>
      <c r="E3" s="5" t="s">
        <v>15</v>
      </c>
      <c r="F3" s="7">
        <v>18975</v>
      </c>
      <c r="G3" s="5" t="s">
        <v>16</v>
      </c>
      <c r="H3" s="6" t="s">
        <v>17</v>
      </c>
      <c r="I3" s="8">
        <v>43787</v>
      </c>
    </row>
    <row r="4" spans="1:9" ht="24" x14ac:dyDescent="0.2">
      <c r="A4" s="4">
        <v>43556</v>
      </c>
      <c r="B4" s="5" t="s">
        <v>8</v>
      </c>
      <c r="C4" s="5" t="s">
        <v>9</v>
      </c>
      <c r="D4" s="6" t="s">
        <v>18</v>
      </c>
      <c r="E4" s="5" t="s">
        <v>19</v>
      </c>
      <c r="F4" s="7">
        <v>31174</v>
      </c>
      <c r="G4" s="5" t="s">
        <v>20</v>
      </c>
      <c r="H4" s="6" t="s">
        <v>21</v>
      </c>
      <c r="I4" s="8">
        <v>43811</v>
      </c>
    </row>
    <row r="5" spans="1:9" ht="24" x14ac:dyDescent="0.2">
      <c r="A5" s="4">
        <v>43556</v>
      </c>
      <c r="B5" s="5" t="s">
        <v>8</v>
      </c>
      <c r="C5" s="5" t="s">
        <v>22</v>
      </c>
      <c r="D5" s="6" t="s">
        <v>23</v>
      </c>
      <c r="E5" s="5" t="s">
        <v>24</v>
      </c>
      <c r="F5" s="7">
        <v>97812</v>
      </c>
      <c r="G5" s="5" t="s">
        <v>25</v>
      </c>
      <c r="H5" s="6" t="s">
        <v>26</v>
      </c>
      <c r="I5" s="8">
        <v>43745</v>
      </c>
    </row>
    <row r="6" spans="1:9" ht="24" x14ac:dyDescent="0.2">
      <c r="A6" s="4">
        <v>43556</v>
      </c>
      <c r="B6" s="5" t="s">
        <v>8</v>
      </c>
      <c r="C6" s="5" t="s">
        <v>22</v>
      </c>
      <c r="D6" s="6" t="s">
        <v>27</v>
      </c>
      <c r="E6" s="5" t="s">
        <v>28</v>
      </c>
      <c r="F6" s="7">
        <v>37000</v>
      </c>
      <c r="G6" s="5" t="s">
        <v>29</v>
      </c>
      <c r="H6" s="6" t="s">
        <v>30</v>
      </c>
      <c r="I6" s="8">
        <v>43753</v>
      </c>
    </row>
    <row r="7" spans="1:9" ht="24" x14ac:dyDescent="0.2">
      <c r="A7" s="4">
        <v>43556</v>
      </c>
      <c r="B7" s="5" t="s">
        <v>8</v>
      </c>
      <c r="C7" s="5" t="s">
        <v>22</v>
      </c>
      <c r="D7" s="6" t="s">
        <v>31</v>
      </c>
      <c r="E7" s="5" t="s">
        <v>32</v>
      </c>
      <c r="F7" s="7">
        <v>4840</v>
      </c>
      <c r="G7" s="5" t="s">
        <v>33</v>
      </c>
      <c r="H7" s="6" t="s">
        <v>34</v>
      </c>
      <c r="I7" s="8">
        <v>43753</v>
      </c>
    </row>
    <row r="8" spans="1:9" ht="24" x14ac:dyDescent="0.2">
      <c r="A8" s="4">
        <v>43556</v>
      </c>
      <c r="B8" s="5" t="s">
        <v>8</v>
      </c>
      <c r="C8" s="5" t="s">
        <v>22</v>
      </c>
      <c r="D8" s="6" t="s">
        <v>35</v>
      </c>
      <c r="E8" s="5" t="s">
        <v>36</v>
      </c>
      <c r="F8" s="7">
        <v>18876</v>
      </c>
      <c r="G8" s="5" t="s">
        <v>37</v>
      </c>
      <c r="H8" s="6" t="s">
        <v>38</v>
      </c>
      <c r="I8" s="8">
        <v>43766</v>
      </c>
    </row>
    <row r="9" spans="1:9" ht="24" x14ac:dyDescent="0.2">
      <c r="A9" s="4">
        <v>43556</v>
      </c>
      <c r="B9" s="5" t="s">
        <v>8</v>
      </c>
      <c r="C9" s="5" t="s">
        <v>22</v>
      </c>
      <c r="D9" s="6" t="s">
        <v>39</v>
      </c>
      <c r="E9" s="5" t="s">
        <v>40</v>
      </c>
      <c r="F9" s="7">
        <v>29700</v>
      </c>
      <c r="G9" s="5" t="s">
        <v>25</v>
      </c>
      <c r="H9" s="6" t="s">
        <v>26</v>
      </c>
      <c r="I9" s="8">
        <v>43766</v>
      </c>
    </row>
    <row r="10" spans="1:9" ht="36" x14ac:dyDescent="0.2">
      <c r="A10" s="4">
        <v>43556</v>
      </c>
      <c r="B10" s="5" t="s">
        <v>8</v>
      </c>
      <c r="C10" s="5" t="s">
        <v>22</v>
      </c>
      <c r="D10" s="6" t="s">
        <v>41</v>
      </c>
      <c r="E10" s="5" t="s">
        <v>42</v>
      </c>
      <c r="F10" s="7">
        <v>34750</v>
      </c>
      <c r="G10" s="5" t="s">
        <v>43</v>
      </c>
      <c r="H10" s="6" t="s">
        <v>44</v>
      </c>
      <c r="I10" s="8">
        <v>43767</v>
      </c>
    </row>
    <row r="11" spans="1:9" ht="24" x14ac:dyDescent="0.2">
      <c r="A11" s="4">
        <v>43556</v>
      </c>
      <c r="B11" s="5" t="s">
        <v>8</v>
      </c>
      <c r="C11" s="5" t="s">
        <v>22</v>
      </c>
      <c r="D11" s="6" t="s">
        <v>45</v>
      </c>
      <c r="E11" s="5" t="s">
        <v>46</v>
      </c>
      <c r="F11" s="7">
        <v>41250</v>
      </c>
      <c r="G11" s="5" t="s">
        <v>47</v>
      </c>
      <c r="H11" s="6" t="s">
        <v>48</v>
      </c>
      <c r="I11" s="8">
        <v>43767</v>
      </c>
    </row>
    <row r="12" spans="1:9" ht="24" x14ac:dyDescent="0.2">
      <c r="A12" s="4">
        <v>43556</v>
      </c>
      <c r="B12" s="5" t="s">
        <v>8</v>
      </c>
      <c r="C12" s="5" t="s">
        <v>22</v>
      </c>
      <c r="D12" s="6" t="s">
        <v>49</v>
      </c>
      <c r="E12" s="5" t="s">
        <v>50</v>
      </c>
      <c r="F12" s="7">
        <v>42000</v>
      </c>
      <c r="G12" s="5" t="s">
        <v>29</v>
      </c>
      <c r="H12" s="6" t="s">
        <v>30</v>
      </c>
      <c r="I12" s="8">
        <v>43768</v>
      </c>
    </row>
    <row r="13" spans="1:9" ht="24" x14ac:dyDescent="0.2">
      <c r="A13" s="4">
        <v>43556</v>
      </c>
      <c r="B13" s="5" t="s">
        <v>8</v>
      </c>
      <c r="C13" s="5" t="s">
        <v>22</v>
      </c>
      <c r="D13" s="6" t="s">
        <v>51</v>
      </c>
      <c r="E13" s="5" t="s">
        <v>52</v>
      </c>
      <c r="F13" s="7">
        <v>52580</v>
      </c>
      <c r="G13" s="5" t="s">
        <v>16</v>
      </c>
      <c r="H13" s="6" t="s">
        <v>17</v>
      </c>
      <c r="I13" s="8">
        <v>43794</v>
      </c>
    </row>
    <row r="14" spans="1:9" ht="36" x14ac:dyDescent="0.2">
      <c r="A14" s="4">
        <v>43556</v>
      </c>
      <c r="B14" s="5" t="s">
        <v>8</v>
      </c>
      <c r="C14" s="5" t="s">
        <v>22</v>
      </c>
      <c r="D14" s="6" t="s">
        <v>53</v>
      </c>
      <c r="E14" s="5" t="s">
        <v>54</v>
      </c>
      <c r="F14" s="7">
        <v>23540</v>
      </c>
      <c r="G14" s="5" t="s">
        <v>55</v>
      </c>
      <c r="H14" s="6" t="s">
        <v>56</v>
      </c>
      <c r="I14" s="8">
        <v>43794</v>
      </c>
    </row>
    <row r="15" spans="1:9" ht="24" x14ac:dyDescent="0.2">
      <c r="A15" s="4">
        <v>43556</v>
      </c>
      <c r="B15" s="5" t="s">
        <v>8</v>
      </c>
      <c r="C15" s="5" t="s">
        <v>22</v>
      </c>
      <c r="D15" s="6" t="s">
        <v>57</v>
      </c>
      <c r="E15" s="5" t="s">
        <v>58</v>
      </c>
      <c r="F15" s="7">
        <v>9900</v>
      </c>
      <c r="G15" s="5" t="s">
        <v>59</v>
      </c>
      <c r="H15" s="6" t="s">
        <v>60</v>
      </c>
      <c r="I15" s="8">
        <v>43816</v>
      </c>
    </row>
    <row r="16" spans="1:9" ht="24" x14ac:dyDescent="0.2">
      <c r="A16" s="4">
        <v>43556</v>
      </c>
      <c r="B16" s="5" t="s">
        <v>8</v>
      </c>
      <c r="C16" s="5" t="s">
        <v>61</v>
      </c>
      <c r="D16" s="6" t="s">
        <v>62</v>
      </c>
      <c r="E16" s="5" t="s">
        <v>63</v>
      </c>
      <c r="F16" s="7">
        <v>36520</v>
      </c>
      <c r="G16" s="5" t="s">
        <v>16</v>
      </c>
      <c r="H16" s="6" t="s">
        <v>17</v>
      </c>
      <c r="I16" s="8">
        <v>43740</v>
      </c>
    </row>
    <row r="17" spans="1:9" ht="24" x14ac:dyDescent="0.2">
      <c r="A17" s="4">
        <v>43556</v>
      </c>
      <c r="B17" s="5" t="s">
        <v>8</v>
      </c>
      <c r="C17" s="5" t="s">
        <v>61</v>
      </c>
      <c r="D17" s="6" t="s">
        <v>64</v>
      </c>
      <c r="E17" s="5" t="s">
        <v>65</v>
      </c>
      <c r="F17" s="7">
        <v>7128</v>
      </c>
      <c r="G17" s="5" t="s">
        <v>16</v>
      </c>
      <c r="H17" s="6" t="s">
        <v>17</v>
      </c>
      <c r="I17" s="8">
        <v>43749</v>
      </c>
    </row>
    <row r="18" spans="1:9" ht="24" x14ac:dyDescent="0.2">
      <c r="A18" s="4">
        <v>43556</v>
      </c>
      <c r="B18" s="5" t="s">
        <v>8</v>
      </c>
      <c r="C18" s="5" t="s">
        <v>61</v>
      </c>
      <c r="D18" s="6" t="s">
        <v>66</v>
      </c>
      <c r="E18" s="5" t="s">
        <v>67</v>
      </c>
      <c r="F18" s="7">
        <v>42000</v>
      </c>
      <c r="G18" s="5" t="s">
        <v>68</v>
      </c>
      <c r="H18" s="6" t="s">
        <v>69</v>
      </c>
      <c r="I18" s="8">
        <v>43749</v>
      </c>
    </row>
    <row r="19" spans="1:9" ht="24" x14ac:dyDescent="0.2">
      <c r="A19" s="4">
        <v>43556</v>
      </c>
      <c r="B19" s="5" t="s">
        <v>8</v>
      </c>
      <c r="C19" s="5" t="s">
        <v>61</v>
      </c>
      <c r="D19" s="6" t="s">
        <v>70</v>
      </c>
      <c r="E19" s="5" t="s">
        <v>71</v>
      </c>
      <c r="F19" s="7">
        <v>112081</v>
      </c>
      <c r="G19" s="5" t="s">
        <v>72</v>
      </c>
      <c r="H19" s="6" t="s">
        <v>73</v>
      </c>
      <c r="I19" s="8">
        <v>43766</v>
      </c>
    </row>
    <row r="20" spans="1:9" ht="24" x14ac:dyDescent="0.2">
      <c r="A20" s="4">
        <v>43556</v>
      </c>
      <c r="B20" s="5" t="s">
        <v>8</v>
      </c>
      <c r="C20" s="5" t="s">
        <v>61</v>
      </c>
      <c r="D20" s="6" t="s">
        <v>74</v>
      </c>
      <c r="E20" s="5" t="s">
        <v>75</v>
      </c>
      <c r="F20" s="7">
        <v>75551</v>
      </c>
      <c r="G20" s="5" t="s">
        <v>72</v>
      </c>
      <c r="H20" s="6" t="s">
        <v>73</v>
      </c>
      <c r="I20" s="8">
        <v>43790</v>
      </c>
    </row>
    <row r="21" spans="1:9" ht="24" x14ac:dyDescent="0.2">
      <c r="A21" s="4">
        <v>43556</v>
      </c>
      <c r="B21" s="5" t="s">
        <v>8</v>
      </c>
      <c r="C21" s="5" t="s">
        <v>61</v>
      </c>
      <c r="D21" s="6" t="s">
        <v>76</v>
      </c>
      <c r="E21" s="5" t="s">
        <v>77</v>
      </c>
      <c r="F21" s="7">
        <v>10637</v>
      </c>
      <c r="G21" s="5" t="s">
        <v>78</v>
      </c>
      <c r="H21" s="6" t="s">
        <v>79</v>
      </c>
      <c r="I21" s="8">
        <v>43791</v>
      </c>
    </row>
    <row r="22" spans="1:9" ht="24" x14ac:dyDescent="0.2">
      <c r="A22" s="4">
        <v>43556</v>
      </c>
      <c r="B22" s="5" t="s">
        <v>8</v>
      </c>
      <c r="C22" s="5" t="s">
        <v>61</v>
      </c>
      <c r="D22" s="6" t="s">
        <v>80</v>
      </c>
      <c r="E22" s="5" t="s">
        <v>81</v>
      </c>
      <c r="F22" s="7">
        <v>49412</v>
      </c>
      <c r="G22" s="5" t="s">
        <v>82</v>
      </c>
      <c r="H22" s="6" t="s">
        <v>83</v>
      </c>
      <c r="I22" s="8">
        <v>43794</v>
      </c>
    </row>
    <row r="23" spans="1:9" ht="24" x14ac:dyDescent="0.2">
      <c r="A23" s="4">
        <v>43556</v>
      </c>
      <c r="B23" s="5" t="s">
        <v>8</v>
      </c>
      <c r="C23" s="5" t="s">
        <v>61</v>
      </c>
      <c r="D23" s="6" t="s">
        <v>84</v>
      </c>
      <c r="E23" s="5" t="s">
        <v>85</v>
      </c>
      <c r="F23" s="7">
        <v>69717</v>
      </c>
      <c r="G23" s="5" t="s">
        <v>72</v>
      </c>
      <c r="H23" s="6" t="s">
        <v>73</v>
      </c>
      <c r="I23" s="8">
        <v>43816</v>
      </c>
    </row>
    <row r="24" spans="1:9" ht="24" x14ac:dyDescent="0.2">
      <c r="A24" s="4">
        <v>43556</v>
      </c>
      <c r="B24" s="5" t="s">
        <v>8</v>
      </c>
      <c r="C24" s="5" t="s">
        <v>86</v>
      </c>
      <c r="D24" s="6" t="s">
        <v>87</v>
      </c>
      <c r="E24" s="5" t="s">
        <v>88</v>
      </c>
      <c r="F24" s="7">
        <v>17928</v>
      </c>
      <c r="G24" s="5" t="s">
        <v>16</v>
      </c>
      <c r="H24" s="6" t="s">
        <v>17</v>
      </c>
      <c r="I24" s="8">
        <v>43756</v>
      </c>
    </row>
    <row r="25" spans="1:9" ht="24" x14ac:dyDescent="0.2">
      <c r="A25" s="4">
        <v>43556</v>
      </c>
      <c r="B25" s="5" t="s">
        <v>8</v>
      </c>
      <c r="C25" s="5" t="s">
        <v>86</v>
      </c>
      <c r="D25" s="6" t="s">
        <v>89</v>
      </c>
      <c r="E25" s="5" t="s">
        <v>90</v>
      </c>
      <c r="F25" s="7">
        <v>22437</v>
      </c>
      <c r="G25" s="5" t="s">
        <v>16</v>
      </c>
      <c r="H25" s="6" t="s">
        <v>17</v>
      </c>
      <c r="I25" s="8">
        <v>43761</v>
      </c>
    </row>
    <row r="26" spans="1:9" ht="24" x14ac:dyDescent="0.2">
      <c r="A26" s="4">
        <v>43556</v>
      </c>
      <c r="B26" s="5" t="s">
        <v>8</v>
      </c>
      <c r="C26" s="5" t="s">
        <v>86</v>
      </c>
      <c r="D26" s="6" t="s">
        <v>91</v>
      </c>
      <c r="E26" s="5" t="s">
        <v>92</v>
      </c>
      <c r="F26" s="7">
        <v>7521</v>
      </c>
      <c r="G26" s="5" t="s">
        <v>93</v>
      </c>
      <c r="H26" s="6" t="s">
        <v>94</v>
      </c>
      <c r="I26" s="8">
        <v>43775</v>
      </c>
    </row>
    <row r="27" spans="1:9" ht="24" x14ac:dyDescent="0.2">
      <c r="A27" s="4">
        <v>43556</v>
      </c>
      <c r="B27" s="5" t="s">
        <v>8</v>
      </c>
      <c r="C27" s="5" t="s">
        <v>86</v>
      </c>
      <c r="D27" s="6" t="s">
        <v>95</v>
      </c>
      <c r="E27" s="5" t="s">
        <v>96</v>
      </c>
      <c r="F27" s="7">
        <v>4543</v>
      </c>
      <c r="G27" s="5" t="s">
        <v>12</v>
      </c>
      <c r="H27" s="6" t="s">
        <v>13</v>
      </c>
      <c r="I27" s="8">
        <v>43784</v>
      </c>
    </row>
    <row r="28" spans="1:9" ht="24" x14ac:dyDescent="0.2">
      <c r="A28" s="4">
        <v>43556</v>
      </c>
      <c r="B28" s="5" t="s">
        <v>8</v>
      </c>
      <c r="C28" s="5" t="s">
        <v>86</v>
      </c>
      <c r="D28" s="6" t="s">
        <v>97</v>
      </c>
      <c r="E28" s="5" t="s">
        <v>98</v>
      </c>
      <c r="F28" s="7">
        <v>44792</v>
      </c>
      <c r="G28" s="5" t="s">
        <v>16</v>
      </c>
      <c r="H28" s="6" t="s">
        <v>17</v>
      </c>
      <c r="I28" s="8">
        <v>43788</v>
      </c>
    </row>
    <row r="29" spans="1:9" ht="24" x14ac:dyDescent="0.2">
      <c r="A29" s="4">
        <v>43556</v>
      </c>
      <c r="B29" s="5" t="s">
        <v>8</v>
      </c>
      <c r="C29" s="5" t="s">
        <v>86</v>
      </c>
      <c r="D29" s="6" t="s">
        <v>99</v>
      </c>
      <c r="E29" s="5" t="s">
        <v>92</v>
      </c>
      <c r="F29" s="7">
        <v>103741</v>
      </c>
      <c r="G29" s="5" t="s">
        <v>93</v>
      </c>
      <c r="H29" s="6" t="s">
        <v>94</v>
      </c>
      <c r="I29" s="8">
        <v>43801</v>
      </c>
    </row>
    <row r="30" spans="1:9" ht="24" x14ac:dyDescent="0.2">
      <c r="A30" s="4">
        <v>43556</v>
      </c>
      <c r="B30" s="5" t="s">
        <v>8</v>
      </c>
      <c r="C30" s="5" t="s">
        <v>86</v>
      </c>
      <c r="D30" s="6" t="s">
        <v>100</v>
      </c>
      <c r="E30" s="5" t="s">
        <v>101</v>
      </c>
      <c r="F30" s="7">
        <v>119636</v>
      </c>
      <c r="G30" s="5" t="s">
        <v>16</v>
      </c>
      <c r="H30" s="6" t="s">
        <v>17</v>
      </c>
      <c r="I30" s="8">
        <v>43808</v>
      </c>
    </row>
    <row r="31" spans="1:9" ht="24" x14ac:dyDescent="0.2">
      <c r="A31" s="4">
        <v>43556</v>
      </c>
      <c r="B31" s="5" t="s">
        <v>8</v>
      </c>
      <c r="C31" s="5" t="s">
        <v>102</v>
      </c>
      <c r="D31" s="6" t="s">
        <v>103</v>
      </c>
      <c r="E31" s="5" t="s">
        <v>104</v>
      </c>
      <c r="F31" s="7">
        <v>1050</v>
      </c>
      <c r="G31" s="5" t="s">
        <v>105</v>
      </c>
      <c r="H31" s="6" t="s">
        <v>106</v>
      </c>
      <c r="I31" s="8">
        <v>43797</v>
      </c>
    </row>
    <row r="32" spans="1:9" ht="24" x14ac:dyDescent="0.2">
      <c r="A32" s="4">
        <v>43556</v>
      </c>
      <c r="B32" s="5" t="s">
        <v>8</v>
      </c>
      <c r="C32" s="5" t="s">
        <v>102</v>
      </c>
      <c r="D32" s="6" t="s">
        <v>107</v>
      </c>
      <c r="E32" s="5" t="s">
        <v>108</v>
      </c>
      <c r="F32" s="7">
        <v>3740</v>
      </c>
      <c r="G32" s="5" t="s">
        <v>16</v>
      </c>
      <c r="H32" s="6" t="s">
        <v>17</v>
      </c>
      <c r="I32" s="8">
        <v>43808</v>
      </c>
    </row>
    <row r="33" spans="1:9" ht="24" x14ac:dyDescent="0.2">
      <c r="A33" s="4">
        <v>43556</v>
      </c>
      <c r="B33" s="5" t="s">
        <v>8</v>
      </c>
      <c r="C33" s="5" t="s">
        <v>109</v>
      </c>
      <c r="D33" s="6" t="s">
        <v>110</v>
      </c>
      <c r="E33" s="5" t="s">
        <v>111</v>
      </c>
      <c r="F33" s="7">
        <v>9460</v>
      </c>
      <c r="G33" s="5" t="s">
        <v>82</v>
      </c>
      <c r="H33" s="6" t="s">
        <v>83</v>
      </c>
      <c r="I33" s="8">
        <v>43742</v>
      </c>
    </row>
    <row r="34" spans="1:9" ht="24" x14ac:dyDescent="0.2">
      <c r="A34" s="4">
        <v>43556</v>
      </c>
      <c r="B34" s="5" t="s">
        <v>8</v>
      </c>
      <c r="C34" s="5" t="s">
        <v>109</v>
      </c>
      <c r="D34" s="6" t="s">
        <v>112</v>
      </c>
      <c r="E34" s="5" t="s">
        <v>113</v>
      </c>
      <c r="F34" s="7">
        <v>25160</v>
      </c>
      <c r="G34" s="5" t="s">
        <v>114</v>
      </c>
      <c r="H34" s="6" t="s">
        <v>115</v>
      </c>
      <c r="I34" s="8">
        <v>43742</v>
      </c>
    </row>
    <row r="35" spans="1:9" x14ac:dyDescent="0.2">
      <c r="A35" s="4">
        <v>43556</v>
      </c>
      <c r="B35" s="5" t="s">
        <v>8</v>
      </c>
      <c r="C35" s="5" t="s">
        <v>109</v>
      </c>
      <c r="D35" s="6" t="s">
        <v>116</v>
      </c>
      <c r="E35" s="5" t="s">
        <v>117</v>
      </c>
      <c r="F35" s="7">
        <v>18022</v>
      </c>
      <c r="G35" s="5" t="s">
        <v>118</v>
      </c>
      <c r="H35" s="6" t="s">
        <v>119</v>
      </c>
      <c r="I35" s="8">
        <v>43746</v>
      </c>
    </row>
    <row r="36" spans="1:9" ht="24" x14ac:dyDescent="0.2">
      <c r="A36" s="4">
        <v>43556</v>
      </c>
      <c r="B36" s="5" t="s">
        <v>8</v>
      </c>
      <c r="C36" s="5" t="s">
        <v>109</v>
      </c>
      <c r="D36" s="6" t="s">
        <v>120</v>
      </c>
      <c r="E36" s="5" t="s">
        <v>121</v>
      </c>
      <c r="F36" s="7">
        <v>1328525</v>
      </c>
      <c r="G36" s="5" t="s">
        <v>122</v>
      </c>
      <c r="H36" s="6" t="s">
        <v>123</v>
      </c>
      <c r="I36" s="8">
        <v>43790</v>
      </c>
    </row>
    <row r="37" spans="1:9" ht="24" x14ac:dyDescent="0.2">
      <c r="A37" s="4">
        <v>43556</v>
      </c>
      <c r="B37" s="5" t="s">
        <v>8</v>
      </c>
      <c r="C37" s="5" t="s">
        <v>109</v>
      </c>
      <c r="D37" s="6" t="s">
        <v>124</v>
      </c>
      <c r="E37" s="5" t="s">
        <v>125</v>
      </c>
      <c r="F37" s="7">
        <v>8580</v>
      </c>
      <c r="G37" s="5" t="s">
        <v>16</v>
      </c>
      <c r="H37" s="6" t="s">
        <v>17</v>
      </c>
      <c r="I37" s="8">
        <v>43796</v>
      </c>
    </row>
    <row r="38" spans="1:9" ht="24" x14ac:dyDescent="0.2">
      <c r="A38" s="4">
        <v>43556</v>
      </c>
      <c r="B38" s="5" t="s">
        <v>8</v>
      </c>
      <c r="C38" s="5" t="s">
        <v>126</v>
      </c>
      <c r="D38" s="6" t="s">
        <v>127</v>
      </c>
      <c r="E38" s="5" t="s">
        <v>128</v>
      </c>
      <c r="F38" s="7">
        <v>154233</v>
      </c>
      <c r="G38" s="5" t="s">
        <v>129</v>
      </c>
      <c r="H38" s="6" t="s">
        <v>130</v>
      </c>
      <c r="I38" s="8">
        <v>43754</v>
      </c>
    </row>
    <row r="39" spans="1:9" ht="24" x14ac:dyDescent="0.2">
      <c r="A39" s="4">
        <v>43556</v>
      </c>
      <c r="B39" s="5" t="s">
        <v>8</v>
      </c>
      <c r="C39" s="5" t="s">
        <v>126</v>
      </c>
      <c r="D39" s="6" t="s">
        <v>131</v>
      </c>
      <c r="E39" s="5" t="s">
        <v>132</v>
      </c>
      <c r="F39" s="7">
        <v>431805</v>
      </c>
      <c r="G39" s="5" t="s">
        <v>133</v>
      </c>
      <c r="H39" s="6" t="s">
        <v>134</v>
      </c>
      <c r="I39" s="8">
        <v>43767</v>
      </c>
    </row>
    <row r="40" spans="1:9" ht="24" x14ac:dyDescent="0.2">
      <c r="A40" s="4">
        <v>43556</v>
      </c>
      <c r="B40" s="5" t="s">
        <v>8</v>
      </c>
      <c r="C40" s="5" t="s">
        <v>126</v>
      </c>
      <c r="D40" s="6" t="s">
        <v>135</v>
      </c>
      <c r="E40" s="5" t="s">
        <v>136</v>
      </c>
      <c r="F40" s="7">
        <v>47047</v>
      </c>
      <c r="G40" s="5" t="s">
        <v>137</v>
      </c>
      <c r="H40" s="6" t="s">
        <v>138</v>
      </c>
      <c r="I40" s="8">
        <v>43769</v>
      </c>
    </row>
    <row r="41" spans="1:9" ht="24" x14ac:dyDescent="0.2">
      <c r="A41" s="4">
        <v>43556</v>
      </c>
      <c r="B41" s="5" t="s">
        <v>8</v>
      </c>
      <c r="C41" s="5" t="s">
        <v>126</v>
      </c>
      <c r="D41" s="6" t="s">
        <v>139</v>
      </c>
      <c r="E41" s="5" t="s">
        <v>140</v>
      </c>
      <c r="F41" s="7">
        <v>145002</v>
      </c>
      <c r="G41" s="5" t="s">
        <v>141</v>
      </c>
      <c r="H41" s="6" t="s">
        <v>13</v>
      </c>
      <c r="I41" s="8">
        <v>43780</v>
      </c>
    </row>
    <row r="42" spans="1:9" ht="24" x14ac:dyDescent="0.2">
      <c r="A42" s="4">
        <v>43556</v>
      </c>
      <c r="B42" s="5" t="s">
        <v>8</v>
      </c>
      <c r="C42" s="5" t="s">
        <v>126</v>
      </c>
      <c r="D42" s="6" t="s">
        <v>142</v>
      </c>
      <c r="E42" s="5" t="s">
        <v>143</v>
      </c>
      <c r="F42" s="7">
        <v>2750</v>
      </c>
      <c r="G42" s="5" t="s">
        <v>162</v>
      </c>
      <c r="H42" s="6" t="s">
        <v>144</v>
      </c>
      <c r="I42" s="8">
        <v>43790</v>
      </c>
    </row>
    <row r="43" spans="1:9" ht="24" x14ac:dyDescent="0.2">
      <c r="A43" s="4">
        <v>43556</v>
      </c>
      <c r="B43" s="5" t="s">
        <v>8</v>
      </c>
      <c r="C43" s="5" t="s">
        <v>126</v>
      </c>
      <c r="D43" s="6" t="s">
        <v>145</v>
      </c>
      <c r="E43" s="5" t="s">
        <v>146</v>
      </c>
      <c r="F43" s="7">
        <v>31240</v>
      </c>
      <c r="G43" s="5" t="s">
        <v>147</v>
      </c>
      <c r="H43" s="6" t="s">
        <v>148</v>
      </c>
      <c r="I43" s="8">
        <v>43796</v>
      </c>
    </row>
    <row r="44" spans="1:9" ht="24" x14ac:dyDescent="0.2">
      <c r="A44" s="4">
        <v>43556</v>
      </c>
      <c r="B44" s="5" t="s">
        <v>8</v>
      </c>
      <c r="C44" s="5" t="s">
        <v>126</v>
      </c>
      <c r="D44" s="6" t="s">
        <v>149</v>
      </c>
      <c r="E44" s="5" t="s">
        <v>150</v>
      </c>
      <c r="F44" s="7">
        <v>2560</v>
      </c>
      <c r="G44" s="5" t="s">
        <v>151</v>
      </c>
      <c r="H44" s="6" t="s">
        <v>152</v>
      </c>
      <c r="I44" s="8">
        <v>43816</v>
      </c>
    </row>
    <row r="45" spans="1:9" ht="24" x14ac:dyDescent="0.2">
      <c r="A45" s="4">
        <v>43556</v>
      </c>
      <c r="B45" s="5" t="s">
        <v>8</v>
      </c>
      <c r="C45" s="5" t="s">
        <v>126</v>
      </c>
      <c r="D45" s="6" t="s">
        <v>153</v>
      </c>
      <c r="E45" s="5" t="s">
        <v>154</v>
      </c>
      <c r="F45" s="7">
        <v>73348</v>
      </c>
      <c r="G45" s="5" t="s">
        <v>155</v>
      </c>
      <c r="H45" s="6" t="s">
        <v>156</v>
      </c>
      <c r="I45" s="8">
        <v>43819</v>
      </c>
    </row>
    <row r="46" spans="1:9" ht="24" x14ac:dyDescent="0.2">
      <c r="A46" s="4">
        <v>43556</v>
      </c>
      <c r="B46" s="5" t="s">
        <v>8</v>
      </c>
      <c r="C46" s="5" t="s">
        <v>126</v>
      </c>
      <c r="D46" s="6" t="s">
        <v>157</v>
      </c>
      <c r="E46" s="5" t="s">
        <v>158</v>
      </c>
      <c r="F46" s="7">
        <v>137500</v>
      </c>
      <c r="G46" s="5" t="s">
        <v>159</v>
      </c>
      <c r="H46" s="6" t="s">
        <v>160</v>
      </c>
      <c r="I46" s="8">
        <v>43824</v>
      </c>
    </row>
  </sheetData>
  <phoneticPr fontId="3"/>
  <pageMargins left="0.70866141732283472" right="0.70866141732283472" top="0.74803149606299213" bottom="0.74803149606299213" header="0.31496062992125984" footer="0.31496062992125984"/>
  <pageSetup paperSize="9" scale="82" fitToHeight="0" orientation="landscape" r:id="rId1"/>
  <headerFooter>
    <oddFooter>&amp;P / &amp;N ページ</oddFoot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2</vt:i4>
      </vt:variant>
    </vt:vector>
  </HeadingPairs>
  <TitlesOfParts>
    <vt:vector size="3" baseType="lpstr">
      <vt:lpstr>公表用</vt:lpstr>
      <vt:lpstr>公表用!Print_Area</vt:lpstr>
      <vt:lpstr>公表用!Print_Titles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user</cp:lastModifiedBy>
  <dcterms:created xsi:type="dcterms:W3CDTF">2020-03-09T06:18:05Z</dcterms:created>
  <dcterms:modified xsi:type="dcterms:W3CDTF">2020-03-26T05:21:41Z</dcterms:modified>
</cp:coreProperties>
</file>